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7D3F556" w14:textId="77777777" w:rsidR="004B19EB" w:rsidRDefault="004B19EB" w:rsidP="004B19EB">
      <w:pPr>
        <w:jc w:val="right"/>
        <w:rPr>
          <w:rFonts w:ascii="Avenir" w:eastAsia="Avenir" w:hAnsi="Avenir" w:cs="Avenir"/>
        </w:rPr>
      </w:pPr>
    </w:p>
    <w:p w14:paraId="3977B158" w14:textId="77777777" w:rsidR="004B19EB" w:rsidRDefault="004B19EB" w:rsidP="004B19EB">
      <w:pPr>
        <w:jc w:val="right"/>
        <w:rPr>
          <w:rFonts w:ascii="Avenir" w:eastAsia="Avenir" w:hAnsi="Avenir" w:cs="Avenir"/>
        </w:rPr>
      </w:pPr>
    </w:p>
    <w:p w14:paraId="3FDB5349" w14:textId="77777777" w:rsidR="004B19EB" w:rsidRDefault="004B19EB" w:rsidP="004B19EB">
      <w:pPr>
        <w:jc w:val="right"/>
        <w:rPr>
          <w:rFonts w:ascii="Avenir" w:eastAsia="Avenir" w:hAnsi="Avenir" w:cs="Avenir"/>
        </w:rPr>
      </w:pPr>
      <w:r>
        <w:rPr>
          <w:noProof/>
        </w:rPr>
        <w:drawing>
          <wp:anchor distT="114300" distB="114300" distL="114300" distR="114300" simplePos="0" relativeHeight="251659264" behindDoc="0" locked="0" layoutInCell="1" hidden="0" allowOverlap="1" wp14:anchorId="5287DB80" wp14:editId="40FCA9B2">
            <wp:simplePos x="0" y="0"/>
            <wp:positionH relativeFrom="column">
              <wp:posOffset>-85724</wp:posOffset>
            </wp:positionH>
            <wp:positionV relativeFrom="paragraph">
              <wp:posOffset>152400</wp:posOffset>
            </wp:positionV>
            <wp:extent cx="2224088" cy="1159703"/>
            <wp:effectExtent l="0" t="0" r="0" b="0"/>
            <wp:wrapSquare wrapText="bothSides" distT="114300" distB="114300" distL="114300" distR="114300"/>
            <wp:docPr id="1" name="image1.png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1.png"/>
                    <pic:cNvPicPr preferRelativeResize="0"/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2224088" cy="1159703"/>
                    </a:xfrm>
                    <a:prstGeom prst="rect">
                      <a:avLst/>
                    </a:prstGeom>
                    <a:ln/>
                  </pic:spPr>
                </pic:pic>
              </a:graphicData>
            </a:graphic>
          </wp:anchor>
        </w:drawing>
      </w:r>
    </w:p>
    <w:p w14:paraId="513D967A" w14:textId="77777777" w:rsidR="001B58AB" w:rsidRDefault="001B58AB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1B58AB">
        <w:rPr>
          <w:rFonts w:ascii="Avenir LT Std 35 Light" w:eastAsia="Avenir" w:hAnsi="Avenir LT Std 35 Light" w:cs="Avenir"/>
          <w:sz w:val="16"/>
          <w:szCs w:val="16"/>
        </w:rPr>
        <w:t>Delivery Hero (Singapore) Pte. Ltd.</w:t>
      </w:r>
    </w:p>
    <w:p w14:paraId="528F0D70" w14:textId="77777777" w:rsidR="001B58AB" w:rsidRPr="001B58AB" w:rsidRDefault="001B58AB" w:rsidP="001B58A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1B58AB">
        <w:rPr>
          <w:rFonts w:ascii="Avenir LT Std 35 Light" w:eastAsia="Avenir" w:hAnsi="Avenir LT Std 35 Light" w:cs="Avenir"/>
          <w:sz w:val="16"/>
          <w:szCs w:val="16"/>
        </w:rPr>
        <w:t>143 Cecil Street #26-01 GB Building</w:t>
      </w:r>
    </w:p>
    <w:p w14:paraId="55035502" w14:textId="77777777" w:rsidR="001B58AB" w:rsidRPr="001B58AB" w:rsidRDefault="001B58AB" w:rsidP="001B58A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1B58AB">
        <w:rPr>
          <w:rFonts w:ascii="Avenir LT Std 35 Light" w:eastAsia="Avenir" w:hAnsi="Avenir LT Std 35 Light" w:cs="Avenir"/>
          <w:sz w:val="16"/>
          <w:szCs w:val="16"/>
        </w:rPr>
        <w:t>Singapore 069542</w:t>
      </w:r>
    </w:p>
    <w:p w14:paraId="10A3BE35" w14:textId="7BE11559" w:rsidR="004B19EB" w:rsidRPr="00687594" w:rsidRDefault="001B58AB" w:rsidP="001B58AB">
      <w:pPr>
        <w:jc w:val="right"/>
        <w:rPr>
          <w:rFonts w:ascii="Avenir LT Std 35 Light" w:eastAsia="Avenir" w:hAnsi="Avenir LT Std 35 Light" w:cs="Avenir"/>
        </w:rPr>
      </w:pPr>
      <w:r w:rsidRPr="001B58AB">
        <w:rPr>
          <w:rFonts w:ascii="Avenir LT Std 35 Light" w:eastAsia="Avenir" w:hAnsi="Avenir LT Std 35 Light" w:cs="Avenir"/>
          <w:sz w:val="16"/>
          <w:szCs w:val="16"/>
        </w:rPr>
        <w:t>GST registration No.: 201209757Z</w:t>
      </w:r>
      <w:r w:rsidR="004B19EB" w:rsidRPr="00687594">
        <w:rPr>
          <w:rFonts w:ascii="Avenir LT Std 35 Light" w:eastAsia="Avenir" w:hAnsi="Avenir LT Std 35 Light" w:cs="Avenir"/>
        </w:rPr>
        <w:t xml:space="preserve"> </w:t>
      </w:r>
    </w:p>
    <w:p w14:paraId="74C4AB7A" w14:textId="77777777" w:rsidR="004B19EB" w:rsidRPr="00687594" w:rsidRDefault="004B19EB" w:rsidP="004B19EB">
      <w:pPr>
        <w:rPr>
          <w:rFonts w:ascii="Avenir LT Std 35 Light" w:eastAsia="Avenir" w:hAnsi="Avenir LT Std 35 Light" w:cs="Avenir"/>
        </w:rPr>
      </w:pPr>
    </w:p>
    <w:p w14:paraId="75037AA1" w14:textId="77777777" w:rsidR="000D249A" w:rsidRDefault="000D249A" w:rsidP="004B19EB">
      <w:pPr>
        <w:jc w:val="center"/>
        <w:rPr>
          <w:rFonts w:ascii="Avenir LT Std 35 Light" w:eastAsia="Avenir" w:hAnsi="Avenir LT Std 35 Light" w:cs="Avenir"/>
          <w:b/>
          <w:u w:val="single"/>
        </w:rPr>
      </w:pPr>
    </w:p>
    <w:p w14:paraId="706D4AD7" w14:textId="77777777" w:rsidR="000D249A" w:rsidRDefault="000D249A" w:rsidP="004B19EB">
      <w:pPr>
        <w:jc w:val="center"/>
        <w:rPr>
          <w:rFonts w:ascii="Avenir LT Std 35 Light" w:eastAsia="Avenir" w:hAnsi="Avenir LT Std 35 Light" w:cs="Avenir"/>
          <w:b/>
          <w:u w:val="single"/>
        </w:rPr>
      </w:pPr>
    </w:p>
    <w:p w14:paraId="5941DD4F" w14:textId="77777777" w:rsidR="000D249A" w:rsidRDefault="000D249A" w:rsidP="000D249A">
      <w:pPr>
        <w:rPr>
          <w:rFonts w:ascii="Avenir LT Std 35 Light" w:eastAsia="Avenir" w:hAnsi="Avenir LT Std 35 Light" w:cs="Avenir"/>
          <w:b/>
          <w:u w:val="single"/>
        </w:rPr>
      </w:pPr>
    </w:p>
    <w:p w14:paraId="110243FB" w14:textId="77777777" w:rsidR="004B19EB" w:rsidRPr="00A94170" w:rsidRDefault="004B19EB" w:rsidP="004B19EB">
      <w:pPr>
        <w:jc w:val="center"/>
        <w:rPr>
          <w:rFonts w:ascii="Avenir LT Std 35 Light" w:eastAsia="Avenir" w:hAnsi="Avenir LT Std 35 Light" w:cs="Avenir"/>
          <w:b/>
        </w:rPr>
      </w:pPr>
      <w:r w:rsidRPr="00A94170">
        <w:rPr>
          <w:rFonts w:ascii="Avenir LT Std 35 Light" w:eastAsia="Avenir" w:hAnsi="Avenir LT Std 35 Light" w:cs="Avenir"/>
          <w:b/>
        </w:rPr>
        <w:t>Vendor Registration Form</w:t>
      </w:r>
    </w:p>
    <w:p w14:paraId="1EF6A796" w14:textId="3653D8A1" w:rsidR="004B19EB" w:rsidRPr="00687594" w:rsidRDefault="00443D19" w:rsidP="004B19EB">
      <w:pPr>
        <w:rPr>
          <w:rFonts w:ascii="Avenir LT Std 35 Light" w:eastAsia="Avenir" w:hAnsi="Avenir LT Std 35 Light" w:cs="Avenir"/>
          <w:b/>
          <w:sz w:val="28"/>
          <w:szCs w:val="28"/>
        </w:rPr>
      </w:pPr>
      <w:r w:rsidRPr="00687594">
        <w:rPr>
          <w:rFonts w:ascii="Avenir LT Std 35 Light" w:eastAsia="Avenir" w:hAnsi="Avenir LT Std 35 Light" w:cs="Avenir"/>
          <w:b/>
          <w:sz w:val="28"/>
          <w:szCs w:val="28"/>
        </w:rPr>
        <w:tab/>
      </w:r>
    </w:p>
    <w:p w14:paraId="4244BA5D" w14:textId="6BFA7290" w:rsidR="00931BAD" w:rsidRPr="00A94170" w:rsidRDefault="00931BAD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Id_OpportunityOwner_FullName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09B5BBD5" w14:textId="62ADD802" w:rsidR="009E3E35" w:rsidRPr="00A94170" w:rsidRDefault="009E3E35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Id_OpportunityOwner_Email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4027574D" w14:textId="05EA546E" w:rsidR="004B19EB" w:rsidRPr="00A94170" w:rsidRDefault="00201101" w:rsidP="004B19EB">
      <w:pPr>
        <w:jc w:val="right"/>
        <w:rPr>
          <w:rFonts w:ascii="Avenir LT Std 35 Light" w:eastAsia="Avenir" w:hAnsi="Avenir LT Std 35 Light" w:cs="Avenir"/>
          <w:b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Opportunity_Quote_CreatedDate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55183B62" w14:textId="77777777" w:rsidR="00EC52BD" w:rsidRPr="00A94170" w:rsidRDefault="00EC52BD" w:rsidP="004B19EB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65DAF798" w14:textId="3961FBE1" w:rsidR="004B19EB" w:rsidRDefault="00B9307A" w:rsidP="004B19EB">
      <w:pPr>
        <w:rPr>
          <w:rFonts w:ascii="Avenir LT Std 35 Light" w:eastAsia="Avenir" w:hAnsi="Avenir LT Std 35 Light" w:cs="Avenir"/>
          <w:b/>
          <w:sz w:val="16"/>
          <w:szCs w:val="16"/>
        </w:rPr>
      </w:pPr>
      <w:bookmarkStart w:id="0" w:name="_Hlk31192028"/>
      <w:r w:rsidRPr="00B9307A">
        <w:rPr>
          <w:rFonts w:ascii="Avenir LT Std 35 Light" w:eastAsia="Avenir" w:hAnsi="Avenir LT Std 35 Light" w:cs="Avenir"/>
          <w:b/>
          <w:sz w:val="16"/>
          <w:szCs w:val="16"/>
        </w:rPr>
        <w:t>The Vendor has read and agreed to the terms set out in this Vendor Registration Form and the Terms and Conditions set out in the attachment below as follows:</w:t>
      </w:r>
    </w:p>
    <w:p w14:paraId="7F08A97F" w14:textId="77777777" w:rsidR="00B9307A" w:rsidRPr="00A94170" w:rsidRDefault="00B9307A" w:rsidP="004B19EB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1C596859" w14:textId="77777777" w:rsidR="004B19EB" w:rsidRPr="00A94170" w:rsidRDefault="004B19EB" w:rsidP="004B19EB">
      <w:pPr>
        <w:numPr>
          <w:ilvl w:val="0"/>
          <w:numId w:val="1"/>
        </w:numPr>
        <w:ind w:left="360"/>
        <w:rPr>
          <w:rFonts w:ascii="Avenir LT Std 35 Light" w:eastAsia="Avenir" w:hAnsi="Avenir LT Std 35 Light" w:cs="Avenir"/>
          <w:b/>
          <w:sz w:val="16"/>
          <w:szCs w:val="16"/>
        </w:rPr>
      </w:pPr>
      <w:bookmarkStart w:id="1" w:name="_Hlk31191778"/>
      <w:r w:rsidRPr="00A94170">
        <w:rPr>
          <w:rFonts w:ascii="Avenir LT Std 35 Light" w:eastAsia="Avenir" w:hAnsi="Avenir LT Std 35 Light" w:cs="Avenir"/>
          <w:b/>
          <w:sz w:val="16"/>
          <w:szCs w:val="16"/>
        </w:rPr>
        <w:t xml:space="preserve">Vendor Information </w:t>
      </w:r>
    </w:p>
    <w:tbl>
      <w:tblPr>
        <w:tblW w:w="5000" w:type="pct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ook w:val="0600" w:firstRow="0" w:lastRow="0" w:firstColumn="0" w:lastColumn="0" w:noHBand="1" w:noVBand="1"/>
      </w:tblPr>
      <w:tblGrid>
        <w:gridCol w:w="4405"/>
        <w:gridCol w:w="4296"/>
        <w:gridCol w:w="549"/>
      </w:tblGrid>
      <w:tr w:rsidR="00C625EF" w:rsidRPr="00A94170" w14:paraId="65182125" w14:textId="77777777" w:rsidTr="00377C6B">
        <w:trPr>
          <w:gridAfter w:val="1"/>
          <w:wAfter w:w="297" w:type="pct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D04E7EA" w14:textId="77777777" w:rsidR="004B19EB" w:rsidRPr="00A94170" w:rsidRDefault="004B19EB" w:rsidP="00E26CD0">
            <w:pPr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bookmarkStart w:id="2" w:name="_Hlk31191762"/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contact details</w:t>
            </w:r>
          </w:p>
        </w:tc>
        <w:tc>
          <w:tcPr>
            <w:tcW w:w="2322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041BDB9" w14:textId="77777777" w:rsidR="004B19EB" w:rsidRPr="00A94170" w:rsidRDefault="004B19EB" w:rsidP="00E26CD0">
            <w:pPr>
              <w:ind w:right="-2385"/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Invoice details</w:t>
            </w:r>
          </w:p>
        </w:tc>
      </w:tr>
      <w:tr w:rsidR="00C625EF" w:rsidRPr="00A94170" w14:paraId="29134317" w14:textId="77777777" w:rsidTr="00377C6B">
        <w:trPr>
          <w:trHeight w:val="2026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2B5FAE3" w14:textId="77777777" w:rsidR="005D419F" w:rsidRDefault="004B19EB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Account Name </w:t>
            </w:r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Legal_Name</w:t>
            </w:r>
            <w:proofErr w:type="spellEnd"/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671567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,</w:t>
            </w:r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Name</w:t>
            </w:r>
            <w:proofErr w:type="spellEnd"/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C977889" w14:textId="35629DAF" w:rsidR="00826DA0" w:rsidRPr="00A94170" w:rsidRDefault="005D419F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5D419F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Local Account Name </w:t>
            </w:r>
            <w:r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Translated_Account_Name</w:t>
            </w:r>
            <w:proofErr w:type="spellEnd"/>
            <w:r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Registered Office Address </w:t>
            </w:r>
            <w:r w:rsidR="00AA4ECB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AA4ECB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restaurantAddressValues_AddressLine</w:t>
            </w:r>
            <w:proofErr w:type="spellEnd"/>
            <w:r w:rsidR="00AA4ECB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C6F4F0B" w14:textId="6191E748" w:rsidR="004B19EB" w:rsidRPr="00A94170" w:rsidRDefault="002A2745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2A2745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usiness Registration Number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="00984C98"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84C98"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Company_Number</w:t>
            </w:r>
            <w:proofErr w:type="spellEnd"/>
            <w:r w:rsidR="00984C98"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538231A" w14:textId="1C8A781C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Representative Nam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Salutation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fir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la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15A76893" w14:textId="10F2976C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26397DB" w14:textId="3ED0E1C3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Mobile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1C59F33" w14:textId="2CF198B3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Email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2619" w:type="pct"/>
            <w:gridSpan w:val="2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5793DEC" w14:textId="54CA140B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Nam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Salutation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fir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la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7494AC5" w14:textId="67E46609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3D3336D" w14:textId="6B381582" w:rsidR="00505058" w:rsidRPr="00A94170" w:rsidRDefault="004B19EB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Mobile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B78CB77" w14:textId="4E82DF73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Email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0177DF9" w14:textId="6533A243" w:rsidR="00A44EAC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illing Address </w:t>
            </w:r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billingAddressFromApex_AddressLine</w:t>
            </w:r>
            <w:proofErr w:type="spellEnd"/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7ED060F" w14:textId="684943FF" w:rsidR="00201101" w:rsidRPr="00A94170" w:rsidRDefault="004B19EB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ank Account Owner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Owner</w:t>
            </w:r>
            <w:proofErr w:type="spellEnd"/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686C36B" w14:textId="043D7A04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ank Name </w:t>
            </w:r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Name</w:t>
            </w:r>
            <w:proofErr w:type="spellEnd"/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Bank Account Number </w:t>
            </w:r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Number</w:t>
            </w:r>
            <w:proofErr w:type="spellEnd"/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8E4A6C0" w14:textId="77777777" w:rsidR="00135727" w:rsidRDefault="004B19EB" w:rsidP="00A6157A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Invoice Frequency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Invoice_Frequency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4429322" w14:textId="45FA60EB" w:rsidR="001B58AB" w:rsidRPr="0017315B" w:rsidRDefault="001B58AB" w:rsidP="00A6157A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b/>
                <w:bCs/>
                <w:sz w:val="16"/>
                <w:szCs w:val="16"/>
              </w:rPr>
              <w:t>GST Registration Number</w:t>
            </w: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4104EA"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4104EA"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Tax_Number</w:t>
            </w:r>
            <w:proofErr w:type="spellEnd"/>
            <w:r w:rsidR="004104EA"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bookmarkEnd w:id="1"/>
    <w:bookmarkEnd w:id="2"/>
    <w:p w14:paraId="458058B9" w14:textId="565F12BD" w:rsidR="004B19EB" w:rsidRDefault="00D10F7A" w:rsidP="00D10F7A">
      <w:pPr>
        <w:rPr>
          <w:rFonts w:ascii="Avenir LT Std 35 Light" w:hAnsi="Avenir LT Std 35 Light"/>
          <w:b/>
          <w:sz w:val="16"/>
          <w:szCs w:val="16"/>
        </w:rPr>
      </w:pPr>
      <w:r w:rsidRPr="00A94170">
        <w:rPr>
          <w:rFonts w:ascii="Avenir LT Std 35 Light" w:hAnsi="Avenir LT Std 35 Light"/>
          <w:b/>
          <w:sz w:val="16"/>
          <w:szCs w:val="16"/>
        </w:rPr>
        <w:t xml:space="preserve">2. </w:t>
      </w:r>
      <w:r w:rsidR="004B19EB" w:rsidRPr="00A94170">
        <w:rPr>
          <w:rFonts w:ascii="Avenir LT Std 35 Light" w:hAnsi="Avenir LT Std 35 Light"/>
          <w:b/>
          <w:sz w:val="16"/>
          <w:szCs w:val="16"/>
        </w:rPr>
        <w:t xml:space="preserve">Commercial Terms </w:t>
      </w:r>
    </w:p>
    <w:tbl>
      <w:tblPr>
        <w:tblW w:w="5000" w:type="pct"/>
        <w:tblLook w:val="0400" w:firstRow="0" w:lastRow="0" w:firstColumn="0" w:lastColumn="0" w:noHBand="0" w:noVBand="1"/>
      </w:tblPr>
      <w:tblGrid>
        <w:gridCol w:w="3218"/>
        <w:gridCol w:w="387"/>
        <w:gridCol w:w="307"/>
        <w:gridCol w:w="600"/>
        <w:gridCol w:w="2381"/>
        <w:gridCol w:w="2357"/>
      </w:tblGrid>
      <w:tr w:rsidR="002639C4" w:rsidRPr="00A94170" w14:paraId="40071389" w14:textId="77777777" w:rsidTr="002639C4"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DF2F62B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CDAABA2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From</w:t>
            </w: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4BF741CA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4A62541F" w14:textId="77777777" w:rsidR="00215DC2" w:rsidRPr="00A94170" w:rsidRDefault="00215DC2" w:rsidP="00215DC2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Agency Fees</w:t>
            </w:r>
          </w:p>
          <w:p w14:paraId="67A3B759" w14:textId="3942099F" w:rsidR="00C10ECF" w:rsidRPr="00A94170" w:rsidRDefault="00215DC2" w:rsidP="00215DC2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(calculated as a % of 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lastRenderedPageBreak/>
              <w:t>Vendor Revenue)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EBDD0CA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lastRenderedPageBreak/>
              <w:t>Start Date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2FF87BD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2639C4" w:rsidRPr="00A94170" w14:paraId="5743FFD1" w14:textId="77777777" w:rsidTr="002639C4">
        <w:trPr>
          <w:trHeight w:val="460"/>
        </w:trPr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A85393F" w14:textId="122198F6" w:rsidR="00C10ECF" w:rsidRPr="00A94170" w:rsidRDefault="003D6960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_Start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B75AAB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B75AAB" w:rsidRPr="00B75AAB">
              <w:rPr>
                <w:rFonts w:ascii="Avenir LT Std 35 Light" w:eastAsia="Avenir" w:hAnsi="Avenir LT Std 35 Light" w:cs="Avenir"/>
                <w:sz w:val="16"/>
                <w:szCs w:val="16"/>
              </w:rPr>
              <w:t>&lt;&lt;tiersSoql.Id_Opportunity_Quote_Line_Item.Id_List_Service_Price_Displayed_Name&gt;&gt;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78F979C" w14:textId="5596AEAF" w:rsidR="00C10ECF" w:rsidRDefault="00164027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</w:instrText>
            </w:r>
            <w:r w:rsidR="008F3D0E"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.Id_Opportunity_Quote_Line_Item_Based_On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= "Monetary Amounts" "</w:instrText>
            </w:r>
            <w:r w:rsidR="00DC42D2">
              <w:rPr>
                <w:rFonts w:ascii="Avenir LT Std 35 Light" w:eastAsia="Avenir" w:hAnsi="Avenir LT Std 35 Light" w:cs="Avenir"/>
                <w:sz w:val="16"/>
                <w:szCs w:val="16"/>
              </w:rPr>
              <w:instrText>S</w:instrText>
            </w:r>
            <w:r w:rsidR="00110722">
              <w:rPr>
                <w:rFonts w:ascii="Avenir LT Std 35 Light" w:eastAsia="Avenir" w:hAnsi="Avenir LT Std 35 Light" w:cs="Avenir"/>
                <w:sz w:val="16"/>
                <w:szCs w:val="16"/>
              </w:rPr>
              <w:instrText>$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 xml:space="preserve">D &lt;&lt;tiersSoql_Min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.0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in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</w:p>
          <w:p w14:paraId="32C4F846" w14:textId="77777777" w:rsidR="00110722" w:rsidRDefault="00110722" w:rsidP="00110722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13F214DC" w14:textId="6AB81330" w:rsidR="00110722" w:rsidRPr="00110722" w:rsidRDefault="00110722" w:rsidP="00110722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4916EFC6" w14:textId="7A309BCE" w:rsidR="00C10ECF" w:rsidRPr="002C46A5" w:rsidRDefault="00F578E4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</w:instrText>
            </w:r>
            <w:r w:rsidR="008F3D0E"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.Id_Opportunity_Quote_Line_Item_Based_On&gt;</w:instrText>
            </w:r>
            <w:r w:rsidR="008F3D0E"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= "Monetary Amounts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&lt;tiersSoql_Max&gt;&gt;" = "" "</w:instrText>
            </w:r>
            <w:r w:rsidRPr="00C01497">
              <w:rPr>
                <w:rFonts w:ascii="Avenir LT Std 35 Light" w:eastAsia="Avenir" w:hAnsi="Avenir LT Std 35 Light" w:cs="Avenir"/>
                <w:sz w:val="32"/>
                <w:szCs w:val="32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 w:rsidR="00DC42D2">
              <w:rPr>
                <w:rFonts w:ascii="Avenir LT Std 35 Light" w:eastAsia="Avenir" w:hAnsi="Avenir LT Std 35 Light" w:cs="Avenir"/>
                <w:sz w:val="16"/>
                <w:szCs w:val="16"/>
              </w:rPr>
              <w:instrText>S</w:instrText>
            </w:r>
            <w:r w:rsidR="00110722">
              <w:rPr>
                <w:rFonts w:ascii="Avenir LT Std 35 Light" w:eastAsia="Avenir" w:hAnsi="Avenir LT Std 35 Light" w:cs="Avenir"/>
                <w:sz w:val="16"/>
                <w:szCs w:val="16"/>
              </w:rPr>
              <w:instrText>$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 xml:space="preserve">FIELD &lt;&lt;tiersSoql_Max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&lt;tiersSoq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l_Max&gt;&gt;" = "" "</w:instrText>
            </w:r>
            <w:r w:rsidRPr="00C01497">
              <w:rPr>
                <w:rFonts w:ascii="Avenir LT Std 35 Light" w:eastAsia="Avenir" w:hAnsi="Avenir LT Std 35 Light" w:cs="Avenir"/>
                <w:sz w:val="32"/>
                <w:szCs w:val="32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ax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\* MERGEFOR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 xml:space="preserve">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0FF94D15" w14:textId="334AB1C3" w:rsidR="00C10ECF" w:rsidRPr="002C46A5" w:rsidRDefault="00F37202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</w:instrText>
            </w:r>
            <w:r w:rsidR="003D6960"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_Commission_in_percentage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.0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%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A0EE369" w14:textId="2DA56DB0" w:rsidR="00C10ECF" w:rsidRPr="00A94170" w:rsidRDefault="003D6960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Start_Date</w:t>
            </w:r>
            <w:r w:rsidR="00CF42F2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837299B" w14:textId="3C5EE6D6" w:rsidR="00C10ECF" w:rsidRPr="00A94170" w:rsidRDefault="003D6960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End_Date</w:t>
            </w:r>
            <w:r w:rsidR="00CF42F2">
              <w:rPr>
                <w:rFonts w:ascii="Avenir LT Std 35 Light" w:eastAsia="Avenir" w:hAnsi="Avenir LT Std 35 Light" w:cs="Avenir"/>
                <w:sz w:val="16"/>
                <w:szCs w:val="16"/>
              </w:rPr>
              <w:t>_</w:t>
            </w:r>
            <w:r w:rsidR="00792A5C">
              <w:rPr>
                <w:rFonts w:ascii="Avenir LT Std 35 Light" w:eastAsia="Avenir" w:hAnsi="Avenir LT Std 35 Light" w:cs="Avenir"/>
                <w:sz w:val="16"/>
                <w:szCs w:val="16"/>
              </w:rPr>
              <w:t>_</w:t>
            </w:r>
            <w:r w:rsidR="00CF42F2"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185EC869" w14:textId="77777777" w:rsidR="00C10ECF" w:rsidRPr="00A94170" w:rsidRDefault="00C10ECF" w:rsidP="00D10F7A">
      <w:pPr>
        <w:rPr>
          <w:rFonts w:ascii="Avenir LT Std 35 Light" w:hAnsi="Avenir LT Std 35 Light"/>
          <w:b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3758"/>
        <w:gridCol w:w="849"/>
        <w:gridCol w:w="2342"/>
        <w:gridCol w:w="2301"/>
      </w:tblGrid>
      <w:tr w:rsidR="00163FBD" w:rsidRPr="00A94170" w14:paraId="32592CBC" w14:textId="77777777" w:rsidTr="00163FBD"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098AFEE" w14:textId="5198328A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bookmarkStart w:id="3" w:name="_6xhv0o8sempj" w:colFirst="0" w:colLast="0"/>
            <w:bookmarkEnd w:id="3"/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CCB0135" w14:textId="77777777" w:rsidR="00B56A8F" w:rsidRPr="00A94170" w:rsidRDefault="00B56A8F" w:rsidP="00B56A8F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Agency Fees</w:t>
            </w:r>
          </w:p>
          <w:p w14:paraId="4CA1FAD4" w14:textId="02FA08C7" w:rsidR="00B56A8F" w:rsidRPr="00A94170" w:rsidRDefault="00B56A8F" w:rsidP="00B56A8F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(calculated as a % of Vendor Revenue)</w:t>
            </w: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D2067C9" w14:textId="34838259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F3A82E1" w14:textId="427D404E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163FBD" w:rsidRPr="00A94170" w14:paraId="5E2C3AFA" w14:textId="77777777" w:rsidTr="00163FBD">
        <w:trPr>
          <w:trHeight w:val="460"/>
        </w:trPr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215F447" w14:textId="10244102" w:rsidR="00B56A8F" w:rsidRPr="00A94170" w:rsidRDefault="008E6F6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.Id_List_Service_Price_Displayed_Name</w:t>
            </w:r>
            <w:proofErr w:type="spellEnd"/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F490250" w14:textId="28573D6B" w:rsidR="00B56A8F" w:rsidRPr="00A94170" w:rsidRDefault="00345CAC" w:rsidP="00FE740C">
            <w:pPr>
              <w:tabs>
                <w:tab w:val="left" w:pos="665"/>
              </w:tabs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commisionsSoql_Commission_In_Percentage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="00A37C70">
              <w:rPr>
                <w:rFonts w:ascii="Avenir LT Std 35 Light" w:eastAsia="Avenir" w:hAnsi="Avenir LT Std 35 Light" w:cs="Avenir"/>
                <w:sz w:val="16"/>
                <w:szCs w:val="16"/>
              </w:rPr>
              <w:t>%</w:t>
            </w: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E75F184" w14:textId="3B4EF94F" w:rsidR="00E378CC" w:rsidRDefault="00E378CC" w:rsidP="00E378CC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EEA8B94" w14:textId="7A1D8512" w:rsidR="0032640E" w:rsidRPr="00A94170" w:rsidRDefault="0032640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6F9A8C6" w14:textId="5396F60A" w:rsidR="00B56A8F" w:rsidRPr="00A94170" w:rsidRDefault="008E6F6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End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3259D36E" w14:textId="77777777" w:rsidR="00506711" w:rsidRDefault="00506711" w:rsidP="003E757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Look w:val="0600" w:firstRow="0" w:lastRow="0" w:firstColumn="0" w:lastColumn="0" w:noHBand="1" w:noVBand="1"/>
      </w:tblPr>
      <w:tblGrid>
        <w:gridCol w:w="1333"/>
        <w:gridCol w:w="1617"/>
        <w:gridCol w:w="1591"/>
        <w:gridCol w:w="1597"/>
        <w:gridCol w:w="1433"/>
        <w:gridCol w:w="1679"/>
      </w:tblGrid>
      <w:tr w:rsidR="00F03685" w:rsidRPr="00A94170" w14:paraId="061EAD5E" w14:textId="77777777" w:rsidTr="00E353B4"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9647698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alue Added Services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E269850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9ADE88A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FBEC7CE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Price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504033A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Discount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5FC964C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tal</w:t>
            </w:r>
          </w:p>
        </w:tc>
      </w:tr>
      <w:tr w:rsidR="00F03685" w:rsidRPr="00A94170" w14:paraId="49917730" w14:textId="77777777" w:rsidTr="00E353B4">
        <w:trPr>
          <w:trHeight w:val="460"/>
        </w:trPr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A24A71D" w14:textId="77777777" w:rsidR="009F63E9" w:rsidRPr="00A94170" w:rsidRDefault="00201101" w:rsidP="009F63E9">
            <w:pPr>
              <w:spacing w:line="240" w:lineRule="auto"/>
              <w:jc w:val="both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1ED94C3" w14:textId="1E08940E" w:rsidR="004B19EB" w:rsidRPr="00A94170" w:rsidRDefault="00201101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Name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270DDB8" w14:textId="576A52E2" w:rsidR="004B19EB" w:rsidRPr="00A94170" w:rsidRDefault="002C46A5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_Date__s</w:t>
            </w:r>
            <w:proofErr w:type="spellEnd"/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EF6D6B9" w14:textId="782504D0" w:rsidR="004B19EB" w:rsidRPr="00A94170" w:rsidRDefault="00201101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End_Date</w:t>
            </w:r>
            <w:r w:rsidR="00EC1A44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E987337" w14:textId="69C16072" w:rsidR="004B19EB" w:rsidRPr="00A94170" w:rsidRDefault="0011072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r w:rsidR="00B926E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B926E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Listed_Price</w:t>
            </w:r>
            <w:proofErr w:type="spellEnd"/>
            <w:r w:rsidR="00B926E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988D023" w14:textId="66FDF1BD" w:rsidR="004B19EB" w:rsidRPr="00A94170" w:rsidRDefault="00B926E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Discoun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A5894F" w14:textId="3A9DE821" w:rsidR="004B19EB" w:rsidRPr="00A94170" w:rsidRDefault="0011072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r w:rsidR="00B926E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B926E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Total_Amount</w:t>
            </w:r>
            <w:proofErr w:type="spellEnd"/>
            <w:r w:rsidR="00B926E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5AD3D1D2" w14:textId="7FC378BC" w:rsidR="004B19EB" w:rsidRDefault="004B19EB" w:rsidP="004B19E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p w14:paraId="1363714E" w14:textId="77777777" w:rsidR="00506711" w:rsidRPr="00A94170" w:rsidRDefault="00506711" w:rsidP="004B19E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1505"/>
        <w:gridCol w:w="1788"/>
        <w:gridCol w:w="1893"/>
        <w:gridCol w:w="2140"/>
        <w:gridCol w:w="1924"/>
      </w:tblGrid>
      <w:tr w:rsidR="005C02E2" w:rsidRPr="00A94170" w14:paraId="7654FBAB" w14:textId="77777777" w:rsidTr="00BB73C2">
        <w:trPr>
          <w:trHeight w:val="379"/>
        </w:trPr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E752C5A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Non-standard Terms</w:t>
            </w:r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334798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A4E7653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1E1B68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erms &amp; conditions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10E22AC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pecifications</w:t>
            </w:r>
          </w:p>
        </w:tc>
      </w:tr>
      <w:tr w:rsidR="005C02E2" w:rsidRPr="00A94170" w14:paraId="1E1A4D01" w14:textId="77777777" w:rsidTr="00BB73C2"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3244AF7" w14:textId="77777777" w:rsidR="009F63E9" w:rsidRPr="00A94170" w:rsidRDefault="0099007B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547D17F" w14:textId="79635798" w:rsidR="004B19EB" w:rsidRPr="00A94170" w:rsidRDefault="00F97C2A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shd w:val="clear" w:color="auto" w:fill="EAD1DC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</w:t>
            </w:r>
            <w:r w:rsidR="009F63E9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Name</w:t>
            </w:r>
            <w:proofErr w:type="spellEnd"/>
            <w:r w:rsidR="009F63E9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99007B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3CD113" w14:textId="6952F3A0" w:rsidR="004B19EB" w:rsidRPr="00A94170" w:rsidRDefault="00F97C2A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_Date</w:t>
            </w:r>
            <w:r w:rsidR="00EC1A44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="00EC1A4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B2D9ADE" w14:textId="6D7CDD5A" w:rsidR="004B19EB" w:rsidRPr="00A94170" w:rsidRDefault="00225EF9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</w:t>
            </w:r>
            <w:r w:rsidR="00EC1A44">
              <w:rPr>
                <w:rFonts w:ascii="Avenir LT Std 35 Light" w:eastAsia="Avenir" w:hAnsi="Avenir LT Std 35 Light" w:cs="Avenir"/>
                <w:sz w:val="16"/>
                <w:szCs w:val="16"/>
              </w:rPr>
              <w:t>End</w:t>
            </w:r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Date__s</w:t>
            </w:r>
            <w:proofErr w:type="spellEnd"/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9B361B" w14:textId="6458B114" w:rsidR="004B19EB" w:rsidRPr="00A94170" w:rsidRDefault="00BB73C2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Contract_Addition</w:t>
            </w:r>
            <w:proofErr w:type="spellEnd"/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0775C3D" w14:textId="4A5E41DE" w:rsidR="004B19EB" w:rsidRPr="00A94170" w:rsidRDefault="00F97C2A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pecifications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4AD0C055" w14:textId="77777777" w:rsidR="00840553" w:rsidRPr="00A94170" w:rsidRDefault="00840553" w:rsidP="004B19E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1AC7469F" w14:textId="77777777" w:rsidR="004B19EB" w:rsidRPr="00A94170" w:rsidRDefault="004B19EB" w:rsidP="004B19E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 xml:space="preserve"> </w:t>
      </w:r>
    </w:p>
    <w:tbl>
      <w:tblPr>
        <w:tblW w:w="5000" w:type="pct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ook w:val="0600" w:firstRow="0" w:lastRow="0" w:firstColumn="0" w:lastColumn="0" w:noHBand="1" w:noVBand="1"/>
      </w:tblPr>
      <w:tblGrid>
        <w:gridCol w:w="1407"/>
        <w:gridCol w:w="3829"/>
        <w:gridCol w:w="4018"/>
      </w:tblGrid>
      <w:tr w:rsidR="005F3F25" w:rsidRPr="00512BFD" w14:paraId="7B8AFF4C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bookmarkEnd w:id="0"/>
          <w:p w14:paraId="6C3BE07E" w14:textId="77777777" w:rsidR="005F3F25" w:rsidRPr="00A94170" w:rsidRDefault="005F3F25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Signature: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020207B" w14:textId="77777777" w:rsidR="005F3F25" w:rsidRPr="00512BFD" w:rsidRDefault="005F3F25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IGNED BY,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for and behalf of: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</w:t>
            </w:r>
          </w:p>
        </w:tc>
      </w:tr>
      <w:tr w:rsidR="005F3F25" w:rsidRPr="00A94170" w14:paraId="6DF48871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E71070A" w14:textId="77777777" w:rsidR="005F3F25" w:rsidRPr="00A94170" w:rsidRDefault="005F3F25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127CAFE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1EA3739A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7F96A233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  <w:p w14:paraId="50D974C3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</w:t>
            </w:r>
          </w:p>
          <w:p w14:paraId="41614EF5" w14:textId="77777777" w:rsidR="005F3F25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D1ED8FB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3376F611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75CABEB1" w14:textId="77777777" w:rsidR="005F3F25" w:rsidRDefault="005F3F25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  </w:t>
            </w:r>
          </w:p>
          <w:p w14:paraId="7E02884E" w14:textId="77777777" w:rsidR="005F3F25" w:rsidRDefault="005F3F25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7FBC304A" wp14:editId="7195739A">
                      <wp:simplePos x="0" y="0"/>
                      <wp:positionH relativeFrom="column">
                        <wp:posOffset>1661795</wp:posOffset>
                      </wp:positionH>
                      <wp:positionV relativeFrom="paragraph">
                        <wp:posOffset>167005</wp:posOffset>
                      </wp:positionV>
                      <wp:extent cx="513080" cy="352057"/>
                      <wp:effectExtent l="0" t="0" r="0" b="3810"/>
                      <wp:wrapNone/>
                      <wp:docPr id="4" name="Rectangle 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4465A09D" w14:textId="77777777" w:rsidR="005F3F25" w:rsidRPr="00B05CDC" w:rsidRDefault="005F3F25" w:rsidP="005F3F25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B05CDC">
                                    <w:rPr>
                                      <w:color w:val="FFFFFF" w:themeColor="background1"/>
                                    </w:rPr>
                                    <w:t>\s2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7FBC304A" id="Rectangle 4" o:spid="_x0000_s1026" style="position:absolute;left:0;text-align:left;margin-left:130.85pt;margin-top:13.15pt;width:40.4pt;height:27.7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" fillcolor="white [3212]" stroked="f" strokeweight="1pt">
                      <v:textbox>
                        <w:txbxContent>
                          <w:p w14:paraId="4465A09D" w14:textId="77777777" w:rsidR="005F3F25" w:rsidRPr="00B05CDC" w:rsidRDefault="005F3F25" w:rsidP="005F3F25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B05CDC">
                              <w:rPr>
                                <w:color w:val="FFFFFF" w:themeColor="background1"/>
                              </w:rPr>
                              <w:t>\s2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423409DA" w14:textId="77777777" w:rsidR="005F3F25" w:rsidRDefault="005F3F25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616AD13A" w14:textId="77777777" w:rsidR="005F3F25" w:rsidRDefault="005F3F25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59E98086" w14:textId="77777777" w:rsidR="005F3F25" w:rsidRPr="00A94170" w:rsidRDefault="005F3F25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</w:tc>
      </w:tr>
      <w:tr w:rsidR="005F3F25" w:rsidRPr="00A94170" w14:paraId="3DDD21F4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923493E" w14:textId="77777777" w:rsidR="005F3F25" w:rsidRPr="00A94170" w:rsidRDefault="005F3F25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9BDA278" w14:textId="77777777" w:rsidR="005F3F25" w:rsidRPr="005A29DE" w:rsidRDefault="005F3F25" w:rsidP="00EC44A5">
            <w:pPr>
              <w:jc w:val="center"/>
              <w:rPr>
                <w:rFonts w:ascii="Avenir Book" w:eastAsia="Avenir" w:hAnsi="Avenir Book" w:cs="Avenir"/>
                <w:sz w:val="16"/>
                <w:szCs w:val="16"/>
              </w:rPr>
            </w:pPr>
            <w:r w:rsidRPr="005A29DE">
              <w:rPr>
                <w:rFonts w:ascii="Avenir Book" w:eastAsia="Avenir" w:hAnsi="Avenir Book" w:cs="Avenir"/>
                <w:b/>
                <w:sz w:val="16"/>
                <w:szCs w:val="16"/>
              </w:rPr>
              <w:t>(SIGNED BY,</w:t>
            </w:r>
            <w:r w:rsidRPr="005A29DE">
              <w:rPr>
                <w:rFonts w:ascii="Avenir Book" w:eastAsia="Avenir" w:hAnsi="Avenir Book" w:cs="Avenir"/>
                <w:sz w:val="16"/>
                <w:szCs w:val="16"/>
              </w:rPr>
              <w:t xml:space="preserve"> for and behalf of:</w:t>
            </w:r>
          </w:p>
          <w:p w14:paraId="3B0EB25B" w14:textId="77777777" w:rsidR="005F3F25" w:rsidRPr="00A94170" w:rsidRDefault="005F3F25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DELIVERY HERO (Singapore) PTE. LTD.)</w:t>
            </w:r>
          </w:p>
        </w:tc>
      </w:tr>
      <w:tr w:rsidR="005F3F25" w:rsidRPr="00A94170" w14:paraId="13A6C40F" w14:textId="77777777" w:rsidTr="00EC44A5">
        <w:trPr>
          <w:trHeight w:val="3057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76C5FC3" w14:textId="77777777" w:rsidR="005F3F25" w:rsidRPr="00A94170" w:rsidRDefault="005F3F25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Signature:</w:t>
            </w:r>
          </w:p>
        </w:tc>
        <w:tc>
          <w:tcPr>
            <w:tcW w:w="2069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3A298AD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FC800B6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6D0141E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37A0A01C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282B2A84" w14:textId="77777777" w:rsidR="005F3F25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Managing Directo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r</w:t>
            </w:r>
          </w:p>
          <w:p w14:paraId="1B0AC35A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06F50C6B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01EA2B9C" w14:textId="77777777" w:rsidR="005F3F25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46B2ADA8" w14:textId="77777777" w:rsidR="005F3F25" w:rsidRDefault="005F3F25" w:rsidP="005F3F25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68F94188" w14:textId="77777777" w:rsidR="005F3F25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BF2795">
              <w:rPr>
                <w:rFonts w:ascii="Avenir LT Std 35 Light" w:eastAsia="Avenir" w:hAnsi="Avenir LT Std 35 Light" w:cs="Avenir"/>
                <w:sz w:val="16"/>
                <w:szCs w:val="16"/>
              </w:rPr>
              <w:drawing>
                <wp:inline distT="0" distB="0" distL="0" distR="0" wp14:anchorId="0D80CA5E" wp14:editId="20E02F86">
                  <wp:extent cx="1274884" cy="504024"/>
                  <wp:effectExtent l="0" t="0" r="0" b="4445"/>
                  <wp:docPr id="2" name="Picture 2" descr="A picture containing animal, bird&#10;&#10;Description automatically generated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376631" cy="54424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4FBCD874" w14:textId="2F8052E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217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AC8AC7D" w14:textId="77777777" w:rsidR="005F3F25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1F8E02CA" w14:textId="77777777" w:rsidR="005F3F25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60DCEE2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7AC68339" w14:textId="77777777" w:rsidR="005F3F25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2CA51AB8" w14:textId="77777777" w:rsidR="005F3F25" w:rsidRDefault="005F3F25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Sales Representative</w:t>
            </w:r>
          </w:p>
          <w:p w14:paraId="54FEC5CE" w14:textId="77777777" w:rsidR="005F3F25" w:rsidRDefault="005F3F25" w:rsidP="00EC44A5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CF75C2F" w14:textId="77777777" w:rsidR="005F3F25" w:rsidRPr="00C13846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48984393" w14:textId="77777777" w:rsidR="005F3F25" w:rsidRDefault="005F3F25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Authori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ed</w:t>
            </w:r>
            <w:proofErr w:type="spellEnd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146549B4" w14:textId="77777777" w:rsidR="005F3F25" w:rsidRDefault="005F3F25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2336" behindDoc="0" locked="0" layoutInCell="1" allowOverlap="1" wp14:anchorId="538BE412" wp14:editId="38B96FD0">
                      <wp:simplePos x="0" y="0"/>
                      <wp:positionH relativeFrom="column">
                        <wp:posOffset>430530</wp:posOffset>
                      </wp:positionH>
                      <wp:positionV relativeFrom="paragraph">
                        <wp:posOffset>141605</wp:posOffset>
                      </wp:positionV>
                      <wp:extent cx="513080" cy="352057"/>
                      <wp:effectExtent l="0" t="0" r="0" b="3810"/>
                      <wp:wrapNone/>
                      <wp:docPr id="22" name="Rectangle 2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7A5BCE5A" w14:textId="77777777" w:rsidR="005F3F25" w:rsidRPr="00341AA3" w:rsidRDefault="005F3F25" w:rsidP="005F3F25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341AA3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538BE412" id="Rectangle 22" o:spid="_x0000_s1027" style="position:absolute;left:0;text-align:left;margin-left:33.9pt;margin-top:11.15pt;width:40.4pt;height:27.7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" fillcolor="white [3212]" stroked="f" strokeweight="1pt">
                      <v:textbox>
                        <w:txbxContent>
                          <w:p w14:paraId="7A5BCE5A" w14:textId="77777777" w:rsidR="005F3F25" w:rsidRPr="00341AA3" w:rsidRDefault="005F3F25" w:rsidP="005F3F25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341AA3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0CC93611" w14:textId="77777777" w:rsidR="005F3F25" w:rsidRPr="00A94170" w:rsidRDefault="005F3F25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1E2BDC15" w14:textId="77777777" w:rsidR="005F3F25" w:rsidRPr="00A94170" w:rsidRDefault="005F3F2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</w:tr>
    </w:tbl>
    <w:p w14:paraId="26852167" w14:textId="51111B97" w:rsidR="00264E88" w:rsidRPr="00F37C1B" w:rsidRDefault="00D37FB2" w:rsidP="00C31F6E">
      <w:pPr>
        <w:spacing w:line="240" w:lineRule="auto"/>
        <w:rPr>
          <w:rFonts w:ascii="Avenir" w:eastAsia="Avenir" w:hAnsi="Avenir" w:cs="Avenir"/>
          <w:sz w:val="18"/>
          <w:szCs w:val="18"/>
        </w:rPr>
      </w:pPr>
    </w:p>
    <w:sectPr w:rsidR="00264E88" w:rsidRPr="00F37C1B" w:rsidSect="00B97CE5">
      <w:pgSz w:w="12240" w:h="15840"/>
      <w:pgMar w:top="1440" w:right="1530" w:bottom="1440" w:left="1440" w:header="720" w:footer="720" w:gutter="0"/>
      <w:pgNumType w:start="1"/>
      <w:cols w:space="720" w:equalWidth="0">
        <w:col w:w="9406"/>
      </w:cols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0D7C8DAC" w14:textId="77777777" w:rsidR="00D37FB2" w:rsidRDefault="00D37FB2" w:rsidP="004B19EB">
      <w:pPr>
        <w:spacing w:line="240" w:lineRule="auto"/>
      </w:pPr>
      <w:r>
        <w:separator/>
      </w:r>
    </w:p>
  </w:endnote>
  <w:endnote w:type="continuationSeparator" w:id="0">
    <w:p w14:paraId="6DF3C2CB" w14:textId="77777777" w:rsidR="00D37FB2" w:rsidRDefault="00D37FB2" w:rsidP="004B19EB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Avenir">
    <w:altName w:val="Calibri"/>
    <w:panose1 w:val="02000503020000020003"/>
    <w:charset w:val="00"/>
    <w:family w:val="auto"/>
    <w:pitch w:val="variable"/>
    <w:sig w:usb0="800000AF" w:usb1="5000204A" w:usb2="00000000" w:usb3="00000000" w:csb0="0000009B" w:csb1="00000000"/>
  </w:font>
  <w:font w:name="Avenir LT Std 35 Light">
    <w:panose1 w:val="020B0402020203020204"/>
    <w:charset w:val="4D"/>
    <w:family w:val="swiss"/>
    <w:pitch w:val="variable"/>
    <w:sig w:usb0="800000AF" w:usb1="5000204A" w:usb2="00000000" w:usb3="00000000" w:csb0="0000009B" w:csb1="00000000"/>
  </w:font>
  <w:font w:name="Avenir Book">
    <w:panose1 w:val="02000503020000020003"/>
    <w:charset w:val="00"/>
    <w:family w:val="auto"/>
    <w:pitch w:val="variable"/>
    <w:sig w:usb0="800000AF" w:usb1="5000204A" w:usb2="00000000" w:usb3="00000000" w:csb0="0000009B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24BD5595" w14:textId="77777777" w:rsidR="00D37FB2" w:rsidRDefault="00D37FB2" w:rsidP="004B19EB">
      <w:pPr>
        <w:spacing w:line="240" w:lineRule="auto"/>
      </w:pPr>
      <w:r>
        <w:separator/>
      </w:r>
    </w:p>
  </w:footnote>
  <w:footnote w:type="continuationSeparator" w:id="0">
    <w:p w14:paraId="37EB35FA" w14:textId="77777777" w:rsidR="00D37FB2" w:rsidRDefault="00D37FB2" w:rsidP="004B19EB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314979DB"/>
    <w:multiLevelType w:val="hybridMultilevel"/>
    <w:tmpl w:val="226017B8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7485097"/>
    <w:multiLevelType w:val="multilevel"/>
    <w:tmpl w:val="ECD2C664"/>
    <w:lvl w:ilvl="0">
      <w:start w:val="1"/>
      <w:numFmt w:val="decimal"/>
      <w:lvlText w:val="%1."/>
      <w:lvlJc w:val="left"/>
      <w:pPr>
        <w:ind w:left="72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16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288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32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04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6480" w:hanging="360"/>
      </w:pPr>
      <w:rPr>
        <w:u w:val="none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4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E4E1C"/>
    <w:rsid w:val="00007039"/>
    <w:rsid w:val="00024153"/>
    <w:rsid w:val="00036E13"/>
    <w:rsid w:val="00045D90"/>
    <w:rsid w:val="00080A12"/>
    <w:rsid w:val="0008139C"/>
    <w:rsid w:val="0008269F"/>
    <w:rsid w:val="000B1115"/>
    <w:rsid w:val="000D249A"/>
    <w:rsid w:val="000D36DA"/>
    <w:rsid w:val="000D73F5"/>
    <w:rsid w:val="000F432D"/>
    <w:rsid w:val="00107318"/>
    <w:rsid w:val="00110722"/>
    <w:rsid w:val="00110D0F"/>
    <w:rsid w:val="00112C2C"/>
    <w:rsid w:val="00121763"/>
    <w:rsid w:val="00135727"/>
    <w:rsid w:val="00151095"/>
    <w:rsid w:val="0015374F"/>
    <w:rsid w:val="00160CE5"/>
    <w:rsid w:val="00163FBD"/>
    <w:rsid w:val="00164027"/>
    <w:rsid w:val="0017315B"/>
    <w:rsid w:val="0018248E"/>
    <w:rsid w:val="00192379"/>
    <w:rsid w:val="001B3E48"/>
    <w:rsid w:val="001B40FB"/>
    <w:rsid w:val="001B58AB"/>
    <w:rsid w:val="001C04CB"/>
    <w:rsid w:val="001E1620"/>
    <w:rsid w:val="001E275A"/>
    <w:rsid w:val="001E5C4A"/>
    <w:rsid w:val="00201101"/>
    <w:rsid w:val="00206727"/>
    <w:rsid w:val="00215DC2"/>
    <w:rsid w:val="00225EF9"/>
    <w:rsid w:val="002313E6"/>
    <w:rsid w:val="00234E66"/>
    <w:rsid w:val="00241D94"/>
    <w:rsid w:val="002463ED"/>
    <w:rsid w:val="00260A12"/>
    <w:rsid w:val="002639C4"/>
    <w:rsid w:val="0027015F"/>
    <w:rsid w:val="00272F42"/>
    <w:rsid w:val="0029607A"/>
    <w:rsid w:val="00297B1C"/>
    <w:rsid w:val="002A24FB"/>
    <w:rsid w:val="002A2745"/>
    <w:rsid w:val="002A3C2E"/>
    <w:rsid w:val="002C1A7A"/>
    <w:rsid w:val="002C3E2E"/>
    <w:rsid w:val="002C46A5"/>
    <w:rsid w:val="002C4A4B"/>
    <w:rsid w:val="002D6E28"/>
    <w:rsid w:val="002E2D67"/>
    <w:rsid w:val="002E3278"/>
    <w:rsid w:val="002F23A3"/>
    <w:rsid w:val="003010A0"/>
    <w:rsid w:val="00302B61"/>
    <w:rsid w:val="0030787A"/>
    <w:rsid w:val="00316A84"/>
    <w:rsid w:val="0032640E"/>
    <w:rsid w:val="003265DE"/>
    <w:rsid w:val="00333692"/>
    <w:rsid w:val="00345CAC"/>
    <w:rsid w:val="00357810"/>
    <w:rsid w:val="00366934"/>
    <w:rsid w:val="00371921"/>
    <w:rsid w:val="00377C6B"/>
    <w:rsid w:val="00382077"/>
    <w:rsid w:val="003963C5"/>
    <w:rsid w:val="003A0BE6"/>
    <w:rsid w:val="003A30FF"/>
    <w:rsid w:val="003A6372"/>
    <w:rsid w:val="003B5658"/>
    <w:rsid w:val="003C2A67"/>
    <w:rsid w:val="003D04E3"/>
    <w:rsid w:val="003D2179"/>
    <w:rsid w:val="003D2732"/>
    <w:rsid w:val="003D6901"/>
    <w:rsid w:val="003D6960"/>
    <w:rsid w:val="003E04BB"/>
    <w:rsid w:val="003E7572"/>
    <w:rsid w:val="003F1719"/>
    <w:rsid w:val="003F3B08"/>
    <w:rsid w:val="004025F4"/>
    <w:rsid w:val="004079EC"/>
    <w:rsid w:val="00407CF4"/>
    <w:rsid w:val="004104EA"/>
    <w:rsid w:val="00410702"/>
    <w:rsid w:val="00411FA2"/>
    <w:rsid w:val="004300B6"/>
    <w:rsid w:val="00443D19"/>
    <w:rsid w:val="004B19EB"/>
    <w:rsid w:val="004B5450"/>
    <w:rsid w:val="004C764A"/>
    <w:rsid w:val="004E10C9"/>
    <w:rsid w:val="004F13EE"/>
    <w:rsid w:val="004F3425"/>
    <w:rsid w:val="00505058"/>
    <w:rsid w:val="0050578C"/>
    <w:rsid w:val="00506711"/>
    <w:rsid w:val="00516564"/>
    <w:rsid w:val="0054232C"/>
    <w:rsid w:val="0055321D"/>
    <w:rsid w:val="005573F1"/>
    <w:rsid w:val="00566D57"/>
    <w:rsid w:val="00584263"/>
    <w:rsid w:val="00585FB7"/>
    <w:rsid w:val="005869C3"/>
    <w:rsid w:val="005A0A6F"/>
    <w:rsid w:val="005B67D1"/>
    <w:rsid w:val="005B7080"/>
    <w:rsid w:val="005C02E2"/>
    <w:rsid w:val="005C1EFE"/>
    <w:rsid w:val="005C2834"/>
    <w:rsid w:val="005D3557"/>
    <w:rsid w:val="005D419F"/>
    <w:rsid w:val="005E235A"/>
    <w:rsid w:val="005E39ED"/>
    <w:rsid w:val="005E4E1C"/>
    <w:rsid w:val="005F3F25"/>
    <w:rsid w:val="00602D4F"/>
    <w:rsid w:val="00612C93"/>
    <w:rsid w:val="00624543"/>
    <w:rsid w:val="0063098D"/>
    <w:rsid w:val="00640C32"/>
    <w:rsid w:val="00641EC6"/>
    <w:rsid w:val="006423BA"/>
    <w:rsid w:val="006479C4"/>
    <w:rsid w:val="0065285B"/>
    <w:rsid w:val="0066437F"/>
    <w:rsid w:val="00667E18"/>
    <w:rsid w:val="006708BF"/>
    <w:rsid w:val="0067147F"/>
    <w:rsid w:val="00671567"/>
    <w:rsid w:val="00677BBF"/>
    <w:rsid w:val="00687594"/>
    <w:rsid w:val="006902A0"/>
    <w:rsid w:val="0069033C"/>
    <w:rsid w:val="00694F14"/>
    <w:rsid w:val="00696005"/>
    <w:rsid w:val="006A35A2"/>
    <w:rsid w:val="006B39AE"/>
    <w:rsid w:val="006C7A2B"/>
    <w:rsid w:val="006F5563"/>
    <w:rsid w:val="00711AB3"/>
    <w:rsid w:val="007139DF"/>
    <w:rsid w:val="007145B0"/>
    <w:rsid w:val="00723C5B"/>
    <w:rsid w:val="00737734"/>
    <w:rsid w:val="0074146C"/>
    <w:rsid w:val="007778CE"/>
    <w:rsid w:val="00781532"/>
    <w:rsid w:val="00784343"/>
    <w:rsid w:val="00792A5C"/>
    <w:rsid w:val="007B1548"/>
    <w:rsid w:val="007B1F7A"/>
    <w:rsid w:val="007D4699"/>
    <w:rsid w:val="007D7C55"/>
    <w:rsid w:val="007F4F84"/>
    <w:rsid w:val="007F50AF"/>
    <w:rsid w:val="00815DD1"/>
    <w:rsid w:val="00823179"/>
    <w:rsid w:val="00826DA0"/>
    <w:rsid w:val="00836B9C"/>
    <w:rsid w:val="00840553"/>
    <w:rsid w:val="008414F6"/>
    <w:rsid w:val="00841F20"/>
    <w:rsid w:val="008450A7"/>
    <w:rsid w:val="00850598"/>
    <w:rsid w:val="00852AAC"/>
    <w:rsid w:val="0086566D"/>
    <w:rsid w:val="00877DA6"/>
    <w:rsid w:val="008909E0"/>
    <w:rsid w:val="0089452E"/>
    <w:rsid w:val="008A7850"/>
    <w:rsid w:val="008B3348"/>
    <w:rsid w:val="008E1EA0"/>
    <w:rsid w:val="008E1F50"/>
    <w:rsid w:val="008E6F6E"/>
    <w:rsid w:val="008F3D0E"/>
    <w:rsid w:val="00902358"/>
    <w:rsid w:val="00907AA2"/>
    <w:rsid w:val="00912F1D"/>
    <w:rsid w:val="00913DAD"/>
    <w:rsid w:val="00931BAD"/>
    <w:rsid w:val="00933CEF"/>
    <w:rsid w:val="00934BCD"/>
    <w:rsid w:val="00936AD0"/>
    <w:rsid w:val="009567DF"/>
    <w:rsid w:val="009840F5"/>
    <w:rsid w:val="009846B4"/>
    <w:rsid w:val="00984C98"/>
    <w:rsid w:val="0099007B"/>
    <w:rsid w:val="00992038"/>
    <w:rsid w:val="009931DB"/>
    <w:rsid w:val="009A2B7F"/>
    <w:rsid w:val="009A638F"/>
    <w:rsid w:val="009C116B"/>
    <w:rsid w:val="009D3343"/>
    <w:rsid w:val="009E35F1"/>
    <w:rsid w:val="009E3E35"/>
    <w:rsid w:val="009F4819"/>
    <w:rsid w:val="009F63E9"/>
    <w:rsid w:val="00A32B36"/>
    <w:rsid w:val="00A37C70"/>
    <w:rsid w:val="00A44EAC"/>
    <w:rsid w:val="00A5433B"/>
    <w:rsid w:val="00A6157A"/>
    <w:rsid w:val="00A8393E"/>
    <w:rsid w:val="00A93B2A"/>
    <w:rsid w:val="00A94170"/>
    <w:rsid w:val="00AA387D"/>
    <w:rsid w:val="00AA4ECB"/>
    <w:rsid w:val="00AA7C61"/>
    <w:rsid w:val="00AC46D1"/>
    <w:rsid w:val="00B5038C"/>
    <w:rsid w:val="00B5391E"/>
    <w:rsid w:val="00B56A8F"/>
    <w:rsid w:val="00B65C61"/>
    <w:rsid w:val="00B75AAB"/>
    <w:rsid w:val="00B926E2"/>
    <w:rsid w:val="00B9307A"/>
    <w:rsid w:val="00BA311E"/>
    <w:rsid w:val="00BB73C2"/>
    <w:rsid w:val="00BC6FE1"/>
    <w:rsid w:val="00BD2793"/>
    <w:rsid w:val="00BD6BF5"/>
    <w:rsid w:val="00BE7BBB"/>
    <w:rsid w:val="00BF1B85"/>
    <w:rsid w:val="00BF39D4"/>
    <w:rsid w:val="00C01497"/>
    <w:rsid w:val="00C105B9"/>
    <w:rsid w:val="00C10ECF"/>
    <w:rsid w:val="00C31F6E"/>
    <w:rsid w:val="00C51A47"/>
    <w:rsid w:val="00C61CA1"/>
    <w:rsid w:val="00C625EF"/>
    <w:rsid w:val="00C71771"/>
    <w:rsid w:val="00C73BDA"/>
    <w:rsid w:val="00C92DF5"/>
    <w:rsid w:val="00CA0ED6"/>
    <w:rsid w:val="00CA2772"/>
    <w:rsid w:val="00CA43B9"/>
    <w:rsid w:val="00CA559F"/>
    <w:rsid w:val="00CB2384"/>
    <w:rsid w:val="00CC0824"/>
    <w:rsid w:val="00CC27E0"/>
    <w:rsid w:val="00CC3D3C"/>
    <w:rsid w:val="00CC40D6"/>
    <w:rsid w:val="00CE2BE5"/>
    <w:rsid w:val="00CF42F2"/>
    <w:rsid w:val="00CF59FB"/>
    <w:rsid w:val="00D10F7A"/>
    <w:rsid w:val="00D12BA4"/>
    <w:rsid w:val="00D17ADB"/>
    <w:rsid w:val="00D37FB2"/>
    <w:rsid w:val="00D46D6D"/>
    <w:rsid w:val="00D74847"/>
    <w:rsid w:val="00D86FD9"/>
    <w:rsid w:val="00D90AA0"/>
    <w:rsid w:val="00DA768D"/>
    <w:rsid w:val="00DB37E3"/>
    <w:rsid w:val="00DC064F"/>
    <w:rsid w:val="00DC42D2"/>
    <w:rsid w:val="00DE2A2D"/>
    <w:rsid w:val="00E1092D"/>
    <w:rsid w:val="00E12E1B"/>
    <w:rsid w:val="00E1640E"/>
    <w:rsid w:val="00E164B0"/>
    <w:rsid w:val="00E30908"/>
    <w:rsid w:val="00E34F87"/>
    <w:rsid w:val="00E353B4"/>
    <w:rsid w:val="00E378CC"/>
    <w:rsid w:val="00E533B2"/>
    <w:rsid w:val="00E77538"/>
    <w:rsid w:val="00EC1A44"/>
    <w:rsid w:val="00EC52BD"/>
    <w:rsid w:val="00EC59D6"/>
    <w:rsid w:val="00ED6FB9"/>
    <w:rsid w:val="00EE0EF6"/>
    <w:rsid w:val="00EF5713"/>
    <w:rsid w:val="00EF6A73"/>
    <w:rsid w:val="00F03685"/>
    <w:rsid w:val="00F06340"/>
    <w:rsid w:val="00F10D96"/>
    <w:rsid w:val="00F10FDF"/>
    <w:rsid w:val="00F16E60"/>
    <w:rsid w:val="00F1741C"/>
    <w:rsid w:val="00F37202"/>
    <w:rsid w:val="00F37C1B"/>
    <w:rsid w:val="00F53D33"/>
    <w:rsid w:val="00F578E4"/>
    <w:rsid w:val="00F63600"/>
    <w:rsid w:val="00F662F0"/>
    <w:rsid w:val="00F66EE6"/>
    <w:rsid w:val="00F7189A"/>
    <w:rsid w:val="00F824AD"/>
    <w:rsid w:val="00F86D0D"/>
    <w:rsid w:val="00F92F08"/>
    <w:rsid w:val="00F97222"/>
    <w:rsid w:val="00F97C2A"/>
    <w:rsid w:val="00FE740C"/>
    <w:rsid w:val="00FF5A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,"/>
  <w14:docId w14:val="153D18DB"/>
  <w15:chartTrackingRefBased/>
  <w15:docId w15:val="{037B9096-5AD7-42E1-ABEA-7C50C0221D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19EB"/>
    <w:pPr>
      <w:spacing w:after="0" w:line="276" w:lineRule="auto"/>
    </w:pPr>
    <w:rPr>
      <w:rFonts w:ascii="Arial" w:eastAsia="Arial" w:hAnsi="Arial" w:cs="Arial"/>
      <w:lang w:val="en" w:eastAsia="de-DE"/>
    </w:rPr>
  </w:style>
  <w:style w:type="paragraph" w:styleId="Heading1">
    <w:name w:val="heading 1"/>
    <w:basedOn w:val="Normal"/>
    <w:next w:val="Normal"/>
    <w:link w:val="Heading1Char"/>
    <w:uiPriority w:val="9"/>
    <w:qFormat/>
    <w:rsid w:val="004B19EB"/>
    <w:pPr>
      <w:keepNext/>
      <w:keepLines/>
      <w:spacing w:before="400" w:after="120"/>
      <w:outlineLvl w:val="0"/>
    </w:pPr>
    <w:rPr>
      <w:sz w:val="40"/>
      <w:szCs w:val="40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824AD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4B19EB"/>
    <w:rPr>
      <w:rFonts w:ascii="Arial" w:eastAsia="Arial" w:hAnsi="Arial" w:cs="Arial"/>
      <w:sz w:val="40"/>
      <w:szCs w:val="40"/>
      <w:lang w:val="en" w:eastAsia="de-DE"/>
    </w:rPr>
  </w:style>
  <w:style w:type="paragraph" w:styleId="ListParagraph">
    <w:name w:val="List Paragraph"/>
    <w:basedOn w:val="Normal"/>
    <w:uiPriority w:val="34"/>
    <w:qFormat/>
    <w:rsid w:val="00D12BA4"/>
    <w:pPr>
      <w:ind w:left="720"/>
      <w:contextualSpacing/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F824AD"/>
    <w:rPr>
      <w:rFonts w:asciiTheme="majorHAnsi" w:eastAsiaTheme="majorEastAsia" w:hAnsiTheme="majorHAnsi" w:cstheme="majorBidi"/>
      <w:color w:val="1F3763" w:themeColor="accent1" w:themeShade="7F"/>
      <w:sz w:val="24"/>
      <w:szCs w:val="24"/>
      <w:lang w:val="en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45411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7</Pages>
  <Words>563</Words>
  <Characters>3213</Characters>
  <Application>Microsoft Office Word</Application>
  <DocSecurity>0</DocSecurity>
  <Lines>26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76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hravya Rama</dc:creator>
  <cp:keywords/>
  <dc:description/>
  <cp:lastModifiedBy>Mantas Jurkūnas</cp:lastModifiedBy>
  <cp:revision>230</cp:revision>
  <cp:lastPrinted>2019-09-13T15:34:00Z</cp:lastPrinted>
  <dcterms:created xsi:type="dcterms:W3CDTF">2019-09-12T14:15:00Z</dcterms:created>
  <dcterms:modified xsi:type="dcterms:W3CDTF">2020-05-19T09:13:00Z</dcterms:modified>
</cp:coreProperties>
</file>